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6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6-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6-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sluis/"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591DAF45-2A31-F268-92FF-A437399AF5D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22955" y="4285672"/>
            <a:ext cx="1570182" cy="227676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87F1E1FE-4876-9A88-0E63-0271379DEB24}"/>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70523" y="3781425"/>
            <a:ext cx="1136232" cy="164753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marL="0" indent="0">
              <a:buNone/>
              <a:defRPr/>
            </a:pP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C4D7E8CB-B58B-A347-D4F3-9262F7EB699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46</Words>
  <Application>Microsoft Office PowerPoint</Application>
  <PresentationFormat>Breedbeeld</PresentationFormat>
  <Paragraphs>55</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3</cp:revision>
  <dcterms:created xsi:type="dcterms:W3CDTF">2019-07-30T10:24:44Z</dcterms:created>
  <dcterms:modified xsi:type="dcterms:W3CDTF">2024-09-26T07:00:07Z</dcterms:modified>
</cp:coreProperties>
</file>